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37\"/>
    </mc:Choice>
  </mc:AlternateContent>
  <xr:revisionPtr revIDLastSave="0" documentId="13_ncr:1_{195CBDF4-D552-43F8-9722-85431B65BD0F}" xr6:coauthVersionLast="47" xr6:coauthVersionMax="47" xr10:uidLastSave="{00000000-0000-0000-0000-000000000000}"/>
  <bookViews>
    <workbookView xWindow="-120" yWindow="-120" windowWidth="29040" windowHeight="15840" xr2:uid="{F170C773-9695-4D59-8CED-0FAB6E8490E0}"/>
  </bookViews>
  <sheets>
    <sheet name="237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7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3" uniqueCount="35">
  <si>
    <t>名称№２３７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リネンサプライ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シーツ</t>
  </si>
  <si>
    <t>平シーツ160×290cm</t>
    <rPh sb="0" eb="1">
      <t>ヒラ</t>
    </rPh>
    <phoneticPr fontId="4"/>
  </si>
  <si>
    <t>枚</t>
    <rPh sb="0" eb="1">
      <t>マイ</t>
    </rPh>
    <phoneticPr fontId="4"/>
  </si>
  <si>
    <t>布団カバー</t>
    <rPh sb="0" eb="2">
      <t>フトン</t>
    </rPh>
    <phoneticPr fontId="4"/>
  </si>
  <si>
    <t>全覆い150×210cm</t>
    <rPh sb="0" eb="1">
      <t>ゼン</t>
    </rPh>
    <rPh sb="1" eb="2">
      <t>オオ</t>
    </rPh>
    <phoneticPr fontId="4"/>
  </si>
  <si>
    <t>ピロケース</t>
  </si>
  <si>
    <t>55×90cm</t>
  </si>
  <si>
    <t>タオルケット</t>
  </si>
  <si>
    <t>140×190cm</t>
  </si>
  <si>
    <t>丹前下</t>
    <rPh sb="0" eb="1">
      <t>タン</t>
    </rPh>
    <rPh sb="1" eb="2">
      <t>マエ</t>
    </rPh>
    <rPh sb="2" eb="3">
      <t>シタ</t>
    </rPh>
    <phoneticPr fontId="2"/>
  </si>
  <si>
    <t>丹前下用帯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28D33EB4-3687-4156-BE25-AF48C106BEE8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67D3978-816D-42C3-AA89-CFF8300B18F9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K15" sqref="K15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75908</v>
      </c>
      <c r="G9" s="26"/>
      <c r="H9" s="27"/>
    </row>
    <row r="10" spans="1:10" ht="24.95" customHeight="1" x14ac:dyDescent="0.15">
      <c r="A10" s="20">
        <v>2</v>
      </c>
      <c r="B10" s="28" t="s">
        <v>15</v>
      </c>
      <c r="C10" s="29">
        <v>1</v>
      </c>
      <c r="D10" s="30" t="s">
        <v>16</v>
      </c>
      <c r="E10" s="31" t="s">
        <v>14</v>
      </c>
      <c r="F10" s="25">
        <v>11580</v>
      </c>
      <c r="G10" s="32"/>
      <c r="H10" s="27"/>
    </row>
    <row r="11" spans="1:10" ht="24.95" customHeight="1" x14ac:dyDescent="0.15">
      <c r="A11" s="20">
        <v>3</v>
      </c>
      <c r="B11" s="28" t="s">
        <v>17</v>
      </c>
      <c r="C11" s="29">
        <v>1</v>
      </c>
      <c r="D11" s="30" t="s">
        <v>18</v>
      </c>
      <c r="E11" s="31" t="s">
        <v>14</v>
      </c>
      <c r="F11" s="25">
        <v>75452</v>
      </c>
      <c r="G11" s="32"/>
      <c r="H11" s="27"/>
    </row>
    <row r="12" spans="1:10" ht="24.95" customHeight="1" x14ac:dyDescent="0.15">
      <c r="A12" s="20">
        <v>4</v>
      </c>
      <c r="B12" s="28" t="s">
        <v>19</v>
      </c>
      <c r="C12" s="29">
        <v>1</v>
      </c>
      <c r="D12" s="30" t="s">
        <v>20</v>
      </c>
      <c r="E12" s="31" t="s">
        <v>14</v>
      </c>
      <c r="F12" s="25">
        <v>78596</v>
      </c>
      <c r="G12" s="32"/>
      <c r="H12" s="27"/>
    </row>
    <row r="13" spans="1:10" ht="24.95" customHeight="1" x14ac:dyDescent="0.15">
      <c r="A13" s="33">
        <v>5</v>
      </c>
      <c r="B13" s="34" t="s">
        <v>21</v>
      </c>
      <c r="C13" s="33">
        <v>1</v>
      </c>
      <c r="D13" s="35" t="s">
        <v>21</v>
      </c>
      <c r="E13" s="36" t="s">
        <v>14</v>
      </c>
      <c r="F13" s="37">
        <v>1173</v>
      </c>
      <c r="G13" s="38"/>
      <c r="H13" s="39"/>
    </row>
    <row r="14" spans="1:10" ht="24.95" customHeight="1" x14ac:dyDescent="0.15">
      <c r="A14" s="20">
        <v>6</v>
      </c>
      <c r="B14" s="40" t="s">
        <v>22</v>
      </c>
      <c r="C14" s="20">
        <v>1</v>
      </c>
      <c r="D14" s="41" t="s">
        <v>22</v>
      </c>
      <c r="E14" s="42" t="s">
        <v>14</v>
      </c>
      <c r="F14" s="43">
        <v>1173</v>
      </c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23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24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25</v>
      </c>
      <c r="H42" s="56"/>
    </row>
    <row r="43" spans="1:8" ht="20.100000000000001" customHeight="1" x14ac:dyDescent="0.15">
      <c r="A43" s="56"/>
      <c r="B43" s="56" t="s">
        <v>26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7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8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9</v>
      </c>
      <c r="E46" s="56"/>
      <c r="F46" s="56"/>
      <c r="G46" s="56"/>
      <c r="H46" s="57" t="s">
        <v>30</v>
      </c>
    </row>
    <row r="47" spans="1:8" ht="20.100000000000001" customHeight="1" x14ac:dyDescent="0.15">
      <c r="A47" s="56"/>
      <c r="B47" s="56"/>
      <c r="C47" s="56"/>
      <c r="D47" s="57" t="s">
        <v>31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32</v>
      </c>
      <c r="E49" s="56"/>
      <c r="F49" s="59"/>
      <c r="G49" s="56"/>
      <c r="H49" s="57" t="s">
        <v>30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33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34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7</vt:lpstr>
      <vt:lpstr>'237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6:35Z</dcterms:created>
  <dcterms:modified xsi:type="dcterms:W3CDTF">2023-02-22T05:01:15Z</dcterms:modified>
</cp:coreProperties>
</file>